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tags/tag2.xml" ContentType="application/vnd.openxmlformats-officedocument.presentationml.tags+xml"/>
  <Override PartName="/ppt/notesSlides/notesSlide3.xml" ContentType="application/vnd.openxmlformats-officedocument.presentationml.notesSlide+xml"/>
  <Override PartName="/ppt/tags/tag3.xml" ContentType="application/vnd.openxmlformats-officedocument.presentationml.tags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tags/tag4.xml" ContentType="application/vnd.openxmlformats-officedocument.presentationml.tags+xml"/>
  <Override PartName="/ppt/notesSlides/notesSlide6.xml" ContentType="application/vnd.openxmlformats-officedocument.presentationml.notesSlide+xml"/>
  <Override PartName="/ppt/tags/tag5.xml" ContentType="application/vnd.openxmlformats-officedocument.presentationml.tags+xml"/>
  <Override PartName="/ppt/notesSlides/notesSlide7.xml" ContentType="application/vnd.openxmlformats-officedocument.presentationml.notesSlide+xml"/>
  <Override PartName="/ppt/tags/tag6.xml" ContentType="application/vnd.openxmlformats-officedocument.presentationml.tags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705" r:id="rId1"/>
  </p:sldMasterIdLst>
  <p:notesMasterIdLst>
    <p:notesMasterId r:id="rId11"/>
  </p:notesMasterIdLst>
  <p:sldIdLst>
    <p:sldId id="256" r:id="rId2"/>
    <p:sldId id="257" r:id="rId3"/>
    <p:sldId id="264" r:id="rId4"/>
    <p:sldId id="259" r:id="rId5"/>
    <p:sldId id="260" r:id="rId6"/>
    <p:sldId id="261" r:id="rId7"/>
    <p:sldId id="263" r:id="rId8"/>
    <p:sldId id="265" r:id="rId9"/>
    <p:sldId id="266" r:id="rId10"/>
  </p:sldIdLst>
  <p:sldSz cx="12192000" cy="6858000"/>
  <p:notesSz cx="6858000" cy="9144000"/>
  <p:custDataLst>
    <p:tags r:id="rId12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 snapToGrid="0">
      <p:cViewPr varScale="1">
        <p:scale>
          <a:sx n="82" d="100"/>
          <a:sy n="82" d="100"/>
        </p:scale>
        <p:origin x="691" y="58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theme" Target="theme/theme1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3E516D-BE88-4863-8BE0-82F685939594}" type="datetimeFigureOut">
              <a:rPr lang="ru-RU" smtClean="0"/>
              <a:t>07.12.2020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4CA32506-0A0D-47FB-9E30-158EDCD30FF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3181806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CA32506-0A0D-47FB-9E30-158EDCD30FF6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79057589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CA32506-0A0D-47FB-9E30-158EDCD30FF6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0508727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CA32506-0A0D-47FB-9E30-158EDCD30FF6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5034582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CA32506-0A0D-47FB-9E30-158EDCD30FF6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3904958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CA32506-0A0D-47FB-9E30-158EDCD30FF6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7054393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CA32506-0A0D-47FB-9E30-158EDCD30FF6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98219852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CA32506-0A0D-47FB-9E30-158EDCD30FF6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29170393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CA32506-0A0D-47FB-9E30-158EDCD30FF6}" type="slidenum">
              <a:rPr lang="ru-RU" smtClean="0"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73187476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CA32506-0A0D-47FB-9E30-158EDCD30FF6}" type="slidenum">
              <a:rPr lang="ru-RU" smtClean="0"/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5414861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377BFA62-D15F-4E9F-8090-62B6B04FD01B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10CCDC70-0896-474D-A229-AD25FFA2391F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5CDE0F6-511E-4027-B179-E1B374AB8AF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D00447-AA0A-4886-8BE6-B4C9B47177D9}" type="datetimeFigureOut">
              <a:rPr lang="ru-RU" smtClean="0"/>
              <a:t>07.12.2020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8955595A-7891-48D7-AD53-D1D140D14E2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65F40DCA-FCD8-4660-821F-BF0F5853B57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A5D33C6-7586-4A9F-B905-B5925AC9BC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4436105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EB83B82C-A0DE-4896-A999-A1D46C9A5C5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>
            <a:extLst>
              <a:ext uri="{FF2B5EF4-FFF2-40B4-BE49-F238E27FC236}">
                <a16:creationId xmlns:a16="http://schemas.microsoft.com/office/drawing/2014/main" id="{412BDDB0-BBAC-40DA-90FE-F17F0C50EF40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B393132F-150D-4E84-9113-B339A38C5DB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D00447-AA0A-4886-8BE6-B4C9B47177D9}" type="datetimeFigureOut">
              <a:rPr lang="ru-RU" smtClean="0"/>
              <a:t>07.12.2020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70422B04-6341-4A43-9EBA-9C791B995CE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9B0B8BF7-79AA-49BE-BE7A-E43989CA311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A5D33C6-7586-4A9F-B905-B5925AC9BC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3229624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>
            <a:extLst>
              <a:ext uri="{FF2B5EF4-FFF2-40B4-BE49-F238E27FC236}">
                <a16:creationId xmlns:a16="http://schemas.microsoft.com/office/drawing/2014/main" id="{766DFAC7-FDFC-4484-B490-86451B739255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>
            <a:extLst>
              <a:ext uri="{FF2B5EF4-FFF2-40B4-BE49-F238E27FC236}">
                <a16:creationId xmlns:a16="http://schemas.microsoft.com/office/drawing/2014/main" id="{1725F071-9626-4331-906E-D720A93E57CE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F6F6B610-9998-400B-86D9-3EBCF66FCAD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D00447-AA0A-4886-8BE6-B4C9B47177D9}" type="datetimeFigureOut">
              <a:rPr lang="ru-RU" smtClean="0"/>
              <a:t>07.12.2020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B8DBE05-A77E-4500-AEA7-BDFD6009593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DB6507B7-72E1-4515-B252-1747CB04F5C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A5D33C6-7586-4A9F-B905-B5925AC9BC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1347340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BD74D29C-BFA2-41A9-9AE1-9DB949D36E33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F98F4FEE-BC85-4F5C-B56B-44466DFE0EE7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A61BBDD2-75B7-47DA-BA78-F935A3FF2DA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D00447-AA0A-4886-8BE6-B4C9B47177D9}" type="datetimeFigureOut">
              <a:rPr lang="ru-RU" smtClean="0"/>
              <a:t>07.12.2020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0B929F4D-3274-493D-B641-ABC3A53D9E2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CF954586-801C-4B6B-A25B-F9060D09D14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A5D33C6-7586-4A9F-B905-B5925AC9BC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9614879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BAFD544-8592-4EA8-B1B0-C4AF4D07B14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58FA2C76-8EBB-4DC4-885D-01F1BA1CAC9E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3B732765-1171-4E41-8D90-37975AE0408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D00447-AA0A-4886-8BE6-B4C9B47177D9}" type="datetimeFigureOut">
              <a:rPr lang="ru-RU" smtClean="0"/>
              <a:t>07.12.2020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E7202C9A-FF27-45FA-9BA2-EB833B1E388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654429C7-99DA-46DF-8B94-346F8DAEAD2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A5D33C6-7586-4A9F-B905-B5925AC9BC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4065198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C1AA097-6518-492D-94C4-EB97B614194A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4EA43F4C-C78C-4235-B5FA-0A3CEF1878A5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Объект 3">
            <a:extLst>
              <a:ext uri="{FF2B5EF4-FFF2-40B4-BE49-F238E27FC236}">
                <a16:creationId xmlns:a16="http://schemas.microsoft.com/office/drawing/2014/main" id="{7CDD34BB-84D8-483B-A1E8-2523931B4F4C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F8112CAD-7BD6-406D-8428-9A9BB5B2D92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D00447-AA0A-4886-8BE6-B4C9B47177D9}" type="datetimeFigureOut">
              <a:rPr lang="ru-RU" smtClean="0"/>
              <a:t>07.12.2020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B1EB8531-6F97-49B2-8A4F-0EA0A026120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3C0DF157-7747-409E-B235-486CD9CF87E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A5D33C6-7586-4A9F-B905-B5925AC9BC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8815851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C11EA28D-E52E-4521-834A-C236D73E0FC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FD4AF41A-4489-4F35-8D64-308480ED5AD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Объект 3">
            <a:extLst>
              <a:ext uri="{FF2B5EF4-FFF2-40B4-BE49-F238E27FC236}">
                <a16:creationId xmlns:a16="http://schemas.microsoft.com/office/drawing/2014/main" id="{E7317A8F-94B2-40DE-A2A1-3DC133A82A5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Текст 4">
            <a:extLst>
              <a:ext uri="{FF2B5EF4-FFF2-40B4-BE49-F238E27FC236}">
                <a16:creationId xmlns:a16="http://schemas.microsoft.com/office/drawing/2014/main" id="{5F9CAC04-6FE9-4296-BE4B-39490268F022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6" name="Объект 5">
            <a:extLst>
              <a:ext uri="{FF2B5EF4-FFF2-40B4-BE49-F238E27FC236}">
                <a16:creationId xmlns:a16="http://schemas.microsoft.com/office/drawing/2014/main" id="{3BE0EFC4-1E47-4BF9-9A6F-B9A308A24F48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7" name="Дата 6">
            <a:extLst>
              <a:ext uri="{FF2B5EF4-FFF2-40B4-BE49-F238E27FC236}">
                <a16:creationId xmlns:a16="http://schemas.microsoft.com/office/drawing/2014/main" id="{CB38BC0D-D343-4F52-B607-2B7DEB2A999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D00447-AA0A-4886-8BE6-B4C9B47177D9}" type="datetimeFigureOut">
              <a:rPr lang="ru-RU" smtClean="0"/>
              <a:t>07.12.2020</a:t>
            </a:fld>
            <a:endParaRPr lang="ru-RU"/>
          </a:p>
        </p:txBody>
      </p:sp>
      <p:sp>
        <p:nvSpPr>
          <p:cNvPr id="8" name="Нижний колонтитул 7">
            <a:extLst>
              <a:ext uri="{FF2B5EF4-FFF2-40B4-BE49-F238E27FC236}">
                <a16:creationId xmlns:a16="http://schemas.microsoft.com/office/drawing/2014/main" id="{15DF37BD-0B98-41AA-B580-9220574B3EE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Номер слайда 8">
            <a:extLst>
              <a:ext uri="{FF2B5EF4-FFF2-40B4-BE49-F238E27FC236}">
                <a16:creationId xmlns:a16="http://schemas.microsoft.com/office/drawing/2014/main" id="{CD509B75-2E9A-44E6-A024-D1D2A6208F6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A5D33C6-7586-4A9F-B905-B5925AC9BC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27440543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368116E4-7F0F-43E1-BF66-C444163A307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Дата 2">
            <a:extLst>
              <a:ext uri="{FF2B5EF4-FFF2-40B4-BE49-F238E27FC236}">
                <a16:creationId xmlns:a16="http://schemas.microsoft.com/office/drawing/2014/main" id="{AEB68424-E5FE-40C6-BCB5-6712042F46D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D00447-AA0A-4886-8BE6-B4C9B47177D9}" type="datetimeFigureOut">
              <a:rPr lang="ru-RU" smtClean="0"/>
              <a:t>07.12.2020</a:t>
            </a:fld>
            <a:endParaRPr lang="ru-RU"/>
          </a:p>
        </p:txBody>
      </p:sp>
      <p:sp>
        <p:nvSpPr>
          <p:cNvPr id="4" name="Нижний колонтитул 3">
            <a:extLst>
              <a:ext uri="{FF2B5EF4-FFF2-40B4-BE49-F238E27FC236}">
                <a16:creationId xmlns:a16="http://schemas.microsoft.com/office/drawing/2014/main" id="{6DF5F366-8A0B-4B2B-AE7C-9FF0BABE029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Номер слайда 4">
            <a:extLst>
              <a:ext uri="{FF2B5EF4-FFF2-40B4-BE49-F238E27FC236}">
                <a16:creationId xmlns:a16="http://schemas.microsoft.com/office/drawing/2014/main" id="{08D8FACC-C942-4978-8C58-66D27463E4E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A5D33C6-7586-4A9F-B905-B5925AC9BC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2773797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4B83A8AE-9B74-4375-9C9A-8DE48D3DB23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D00447-AA0A-4886-8BE6-B4C9B47177D9}" type="datetimeFigureOut">
              <a:rPr lang="ru-RU" smtClean="0"/>
              <a:t>07.12.2020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9C15A84F-724A-4BBE-BB9B-14EC076CAAD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20C7E943-5CA8-4568-88D0-9114A5974C7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A5D33C6-7586-4A9F-B905-B5925AC9BC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84508978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B44D4B99-DE70-4D74-BE89-E1367AD191A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82D49A69-2918-42A3-8592-66D6C196BA0F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Текст 3">
            <a:extLst>
              <a:ext uri="{FF2B5EF4-FFF2-40B4-BE49-F238E27FC236}">
                <a16:creationId xmlns:a16="http://schemas.microsoft.com/office/drawing/2014/main" id="{6757648B-8475-47BB-B787-88FA74229D9A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0B0CE5FE-CB01-45FE-ABB0-47E19FDAEF3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D00447-AA0A-4886-8BE6-B4C9B47177D9}" type="datetimeFigureOut">
              <a:rPr lang="ru-RU" smtClean="0"/>
              <a:t>07.12.2020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25B5CC24-4502-452D-B869-EEB098C0CDA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942E053F-C3DD-4D86-8AFC-6AE8A2F09C2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A5D33C6-7586-4A9F-B905-B5925AC9BC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91425252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DEB6DB90-82C2-43EC-B533-83DC569FD0C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Рисунок 2">
            <a:extLst>
              <a:ext uri="{FF2B5EF4-FFF2-40B4-BE49-F238E27FC236}">
                <a16:creationId xmlns:a16="http://schemas.microsoft.com/office/drawing/2014/main" id="{DAA5D1C9-2EA7-4CA8-A526-1D65351BB7B2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>
            <a:extLst>
              <a:ext uri="{FF2B5EF4-FFF2-40B4-BE49-F238E27FC236}">
                <a16:creationId xmlns:a16="http://schemas.microsoft.com/office/drawing/2014/main" id="{DE39A048-E302-4B28-A791-CAE0F4827F4A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03FDD843-2F50-48AC-8675-16C8C2852FA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D00447-AA0A-4886-8BE6-B4C9B47177D9}" type="datetimeFigureOut">
              <a:rPr lang="ru-RU" smtClean="0"/>
              <a:t>07.12.2020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9859526D-217D-4519-97A0-3E39D5AF99E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9733E178-469F-478E-AE16-DB1237FF3DD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A5D33C6-7586-4A9F-B905-B5925AC9BC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092762533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A5D925E4-324A-4947-B2EC-B0C34FB557E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EECD957E-D034-465C-95DF-06221B3B522F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D271568F-A6B4-43A2-AF51-BFF15AC473A6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0FD00447-AA0A-4886-8BE6-B4C9B47177D9}" type="datetimeFigureOut">
              <a:rPr lang="ru-RU" smtClean="0"/>
              <a:t>07.12.2020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20030FFB-46ED-46C5-8769-261CAFA2FAE5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CB6F089-B5A2-4EDC-B224-7FE3B4AE3C89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A5D33C6-7586-4A9F-B905-B5925AC9BCB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54351450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06" r:id="rId1"/>
    <p:sldLayoutId id="2147483707" r:id="rId2"/>
    <p:sldLayoutId id="2147483708" r:id="rId3"/>
    <p:sldLayoutId id="2147483709" r:id="rId4"/>
    <p:sldLayoutId id="2147483710" r:id="rId5"/>
    <p:sldLayoutId id="2147483711" r:id="rId6"/>
    <p:sldLayoutId id="2147483712" r:id="rId7"/>
    <p:sldLayoutId id="2147483713" r:id="rId8"/>
    <p:sldLayoutId id="2147483714" r:id="rId9"/>
    <p:sldLayoutId id="2147483715" r:id="rId10"/>
    <p:sldLayoutId id="2147483716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4" Type="http://schemas.openxmlformats.org/officeDocument/2006/relationships/image" Target="../media/image1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3.xml"/><Relationship Id="rId5" Type="http://schemas.openxmlformats.org/officeDocument/2006/relationships/image" Target="../media/image3.png"/><Relationship Id="rId4" Type="http://schemas.openxmlformats.org/officeDocument/2006/relationships/image" Target="../media/image2.png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5" Type="http://schemas.openxmlformats.org/officeDocument/2006/relationships/image" Target="../media/image3.png"/><Relationship Id="rId4" Type="http://schemas.openxmlformats.org/officeDocument/2006/relationships/image" Target="../media/image4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5" Type="http://schemas.openxmlformats.org/officeDocument/2006/relationships/image" Target="../media/image3.png"/><Relationship Id="rId4" Type="http://schemas.openxmlformats.org/officeDocument/2006/relationships/image" Target="../media/image5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4" Type="http://schemas.openxmlformats.org/officeDocument/2006/relationships/image" Target="../media/image6.png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/>
        <p:txBody>
          <a:bodyPr>
            <a:normAutofit fontScale="90000"/>
          </a:bodyPr>
          <a:lstStyle/>
          <a:p>
            <a:r>
              <a:rPr lang="ru-RU" dirty="0"/>
              <a:t>Разработка чат-бота для справочного сайта по онлайн-играм</a:t>
            </a:r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810001" y="5244860"/>
            <a:ext cx="9144000" cy="1337096"/>
          </a:xfrm>
        </p:spPr>
        <p:txBody>
          <a:bodyPr>
            <a:normAutofit/>
          </a:bodyPr>
          <a:lstStyle/>
          <a:p>
            <a:pPr algn="l"/>
            <a:r>
              <a:rPr lang="ru-RU" dirty="0"/>
              <a:t>Подготовила: студентка РГПУ им. Герцена</a:t>
            </a:r>
          </a:p>
          <a:p>
            <a:pPr algn="l"/>
            <a:r>
              <a:rPr lang="ru-RU" dirty="0"/>
              <a:t>		ИВТ, 4 курс, 1 подгруппа</a:t>
            </a:r>
          </a:p>
          <a:p>
            <a:pPr algn="l"/>
            <a:r>
              <a:rPr lang="ru-RU" dirty="0"/>
              <a:t>		Пляскина У. С.</a:t>
            </a:r>
          </a:p>
        </p:txBody>
      </p:sp>
    </p:spTree>
    <p:extLst>
      <p:ext uri="{BB962C8B-B14F-4D97-AF65-F5344CB8AC3E}">
        <p14:creationId xmlns:p14="http://schemas.microsoft.com/office/powerpoint/2010/main" val="3170597661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Выбор платформы</a:t>
            </a: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>
            <a:normAutofit lnSpcReduction="10000"/>
          </a:bodyPr>
          <a:lstStyle/>
          <a:p>
            <a:pPr marL="0" indent="0">
              <a:lnSpc>
                <a:spcPct val="200000"/>
              </a:lnSpc>
              <a:buNone/>
            </a:pPr>
            <a:r>
              <a:rPr lang="ru-RU" dirty="0"/>
              <a:t>В качестве платформы, на которой будет базироваться бот, был выбран мессенджер </a:t>
            </a:r>
            <a:r>
              <a:rPr lang="en-US" b="1" dirty="0">
                <a:solidFill>
                  <a:schemeClr val="accent1">
                    <a:lumMod val="75000"/>
                  </a:schemeClr>
                </a:solidFill>
              </a:rPr>
              <a:t>Telegram</a:t>
            </a:r>
            <a:r>
              <a:rPr lang="en-US" dirty="0"/>
              <a:t>.</a:t>
            </a:r>
            <a:endParaRPr lang="ru-RU" dirty="0"/>
          </a:p>
          <a:p>
            <a:pPr marL="0" indent="0">
              <a:lnSpc>
                <a:spcPct val="200000"/>
              </a:lnSpc>
              <a:buNone/>
            </a:pPr>
            <a:r>
              <a:rPr lang="ru-RU" dirty="0"/>
              <a:t>Выбор обусловлен простотой создания и администрирования бота.</a:t>
            </a:r>
          </a:p>
          <a:p>
            <a:pPr marL="0" indent="0">
              <a:lnSpc>
                <a:spcPct val="200000"/>
              </a:lnSpc>
              <a:buNone/>
            </a:pPr>
            <a:r>
              <a:rPr lang="ru-RU" dirty="0"/>
              <a:t>Для создания бота используется внутренний инструмент-бот, созданный непосредственно </a:t>
            </a:r>
            <a:r>
              <a:rPr lang="en-US" dirty="0"/>
              <a:t>Telegram`</a:t>
            </a:r>
            <a:r>
              <a:rPr lang="ru-RU" dirty="0"/>
              <a:t>ом – </a:t>
            </a:r>
            <a:r>
              <a:rPr lang="en-US" b="1" dirty="0">
                <a:solidFill>
                  <a:schemeClr val="accent1">
                    <a:lumMod val="75000"/>
                  </a:schemeClr>
                </a:solidFill>
              </a:rPr>
              <a:t>BotFather</a:t>
            </a:r>
            <a:r>
              <a:rPr lang="en-US" dirty="0"/>
              <a:t>.</a:t>
            </a:r>
          </a:p>
        </p:txBody>
      </p:sp>
    </p:spTree>
    <p:extLst>
      <p:ext uri="{BB962C8B-B14F-4D97-AF65-F5344CB8AC3E}">
        <p14:creationId xmlns:p14="http://schemas.microsoft.com/office/powerpoint/2010/main" val="4007273846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ISPRING_INTERACTION_SHAPE0">
            <a:extLst>
              <a:ext uri="{FF2B5EF4-FFF2-40B4-BE49-F238E27FC236}">
                <a16:creationId xmlns:a16="http://schemas.microsoft.com/office/drawing/2014/main" id="{709A0519-5A70-4E1A-96B2-C7595FB2724A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20" name="ISPRING_INTERACTION_SHAPE1">
            <a:extLst>
              <a:ext uri="{FF2B5EF4-FFF2-40B4-BE49-F238E27FC236}">
                <a16:creationId xmlns:a16="http://schemas.microsoft.com/office/drawing/2014/main" id="{01872420-A104-4CE8-972D-E48829C76131}"/>
              </a:ext>
            </a:extLst>
          </p:cNvPr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862291" y="561936"/>
            <a:ext cx="10467417" cy="5734128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91670177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ISPRING_QUIZ_SHAPE0">
            <a:extLst>
              <a:ext uri="{FF2B5EF4-FFF2-40B4-BE49-F238E27FC236}">
                <a16:creationId xmlns:a16="http://schemas.microsoft.com/office/drawing/2014/main" id="{291C6E53-5C9F-465F-9BBC-73CB3311D558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16" name="ISPRING_QUIZ_SHAPE1">
            <a:extLst>
              <a:ext uri="{FF2B5EF4-FFF2-40B4-BE49-F238E27FC236}">
                <a16:creationId xmlns:a16="http://schemas.microsoft.com/office/drawing/2014/main" id="{7DAB323E-5E3E-4275-A075-19069EEDD36C}"/>
              </a:ext>
            </a:extLst>
          </p:cNvPr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7" name="ISPRING_QUIZ_SHAPE2">
            <a:extLst>
              <a:ext uri="{FF2B5EF4-FFF2-40B4-BE49-F238E27FC236}">
                <a16:creationId xmlns:a16="http://schemas.microsoft.com/office/drawing/2014/main" id="{6AB0DDD2-99E8-4988-9094-5F6AD93F0F48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ru-RU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Тест</a:t>
            </a:r>
          </a:p>
        </p:txBody>
      </p:sp>
      <p:pic>
        <p:nvPicPr>
          <p:cNvPr id="19" name="ISPRING_QUIZ_SHAPE3">
            <a:extLst>
              <a:ext uri="{FF2B5EF4-FFF2-40B4-BE49-F238E27FC236}">
                <a16:creationId xmlns:a16="http://schemas.microsoft.com/office/drawing/2014/main" id="{1BA13595-EEEA-44D1-A0FA-FD9FDBB898C8}"/>
              </a:ext>
            </a:extLst>
          </p:cNvPr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95923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20" name="ISPRING_QUIZ_SHAPE4">
            <a:extLst>
              <a:ext uri="{FF2B5EF4-FFF2-40B4-BE49-F238E27FC236}">
                <a16:creationId xmlns:a16="http://schemas.microsoft.com/office/drawing/2014/main" id="{66F55BEE-0097-40D8-BC15-1B89906D83BA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ru-RU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Закрепление материала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97487988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Первоначальная настройка бота</a:t>
            </a: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>
            <a:normAutofit fontScale="85000" lnSpcReduction="20000"/>
          </a:bodyPr>
          <a:lstStyle/>
          <a:p>
            <a:pPr marL="0" indent="0">
              <a:lnSpc>
                <a:spcPct val="200000"/>
              </a:lnSpc>
              <a:buNone/>
            </a:pPr>
            <a:r>
              <a:rPr lang="ru-RU" dirty="0"/>
              <a:t>Помимо ранее упомянутых команд вы можете добавить аватар для бота и настроить его описание.</a:t>
            </a:r>
          </a:p>
          <a:p>
            <a:pPr marL="0" indent="0">
              <a:lnSpc>
                <a:spcPct val="200000"/>
              </a:lnSpc>
              <a:buNone/>
            </a:pPr>
            <a:r>
              <a:rPr lang="ru-RU" dirty="0"/>
              <a:t>Для добавления аватара прописываем команду </a:t>
            </a:r>
            <a:r>
              <a:rPr lang="ru-RU" b="1" dirty="0">
                <a:solidFill>
                  <a:schemeClr val="accent1">
                    <a:lumMod val="75000"/>
                  </a:schemeClr>
                </a:solidFill>
              </a:rPr>
              <a:t>«</a:t>
            </a:r>
            <a:r>
              <a:rPr lang="en-US" b="1" dirty="0">
                <a:solidFill>
                  <a:schemeClr val="accent1">
                    <a:lumMod val="75000"/>
                  </a:schemeClr>
                </a:solidFill>
              </a:rPr>
              <a:t>/setuserpic</a:t>
            </a:r>
            <a:r>
              <a:rPr lang="ru-RU" b="1" dirty="0">
                <a:solidFill>
                  <a:schemeClr val="accent1">
                    <a:lumMod val="75000"/>
                  </a:schemeClr>
                </a:solidFill>
              </a:rPr>
              <a:t>»</a:t>
            </a:r>
            <a:r>
              <a:rPr lang="en-US" b="1" dirty="0">
                <a:solidFill>
                  <a:schemeClr val="accent1">
                    <a:lumMod val="75000"/>
                  </a:schemeClr>
                </a:solidFill>
              </a:rPr>
              <a:t> </a:t>
            </a:r>
            <a:r>
              <a:rPr lang="ru-RU" dirty="0"/>
              <a:t>отправляете новый аватар в формате фотографии.</a:t>
            </a:r>
          </a:p>
          <a:p>
            <a:pPr marL="0" indent="0">
              <a:lnSpc>
                <a:spcPct val="200000"/>
              </a:lnSpc>
              <a:buNone/>
            </a:pPr>
            <a:r>
              <a:rPr lang="ru-RU" dirty="0"/>
              <a:t>Для изменения описание используется команда </a:t>
            </a:r>
            <a:r>
              <a:rPr lang="ru-RU" b="1" dirty="0">
                <a:solidFill>
                  <a:schemeClr val="accent1">
                    <a:lumMod val="75000"/>
                  </a:schemeClr>
                </a:solidFill>
              </a:rPr>
              <a:t>«</a:t>
            </a:r>
            <a:r>
              <a:rPr lang="en-US" b="1" dirty="0">
                <a:solidFill>
                  <a:schemeClr val="accent1">
                    <a:lumMod val="75000"/>
                  </a:schemeClr>
                </a:solidFill>
              </a:rPr>
              <a:t>/setabouttext</a:t>
            </a:r>
            <a:r>
              <a:rPr lang="ru-RU" b="1" dirty="0">
                <a:solidFill>
                  <a:schemeClr val="accent1">
                    <a:lumMod val="75000"/>
                  </a:schemeClr>
                </a:solidFill>
              </a:rPr>
              <a:t>»</a:t>
            </a:r>
            <a:r>
              <a:rPr lang="ru-RU" dirty="0"/>
              <a:t>,</a:t>
            </a:r>
            <a:r>
              <a:rPr lang="ru-RU" b="1" dirty="0">
                <a:solidFill>
                  <a:schemeClr val="accent1">
                    <a:lumMod val="75000"/>
                  </a:schemeClr>
                </a:solidFill>
              </a:rPr>
              <a:t> </a:t>
            </a:r>
            <a:r>
              <a:rPr lang="ru-RU" dirty="0"/>
              <a:t>далее пишется описание (не более 120 символов).</a:t>
            </a:r>
          </a:p>
        </p:txBody>
      </p:sp>
    </p:spTree>
    <p:extLst>
      <p:ext uri="{BB962C8B-B14F-4D97-AF65-F5344CB8AC3E}">
        <p14:creationId xmlns:p14="http://schemas.microsoft.com/office/powerpoint/2010/main" val="3894401368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ISPRING_QUIZ_SHAPE0">
            <a:extLst>
              <a:ext uri="{FF2B5EF4-FFF2-40B4-BE49-F238E27FC236}">
                <a16:creationId xmlns:a16="http://schemas.microsoft.com/office/drawing/2014/main" id="{FA80C4F6-69A2-480A-BACC-ECFBCB80E1E5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15" name="ISPRING_QUIZ_SHAPE1">
            <a:extLst>
              <a:ext uri="{FF2B5EF4-FFF2-40B4-BE49-F238E27FC236}">
                <a16:creationId xmlns:a16="http://schemas.microsoft.com/office/drawing/2014/main" id="{709BB38E-8CEC-43DA-8805-C9A36A7D3319}"/>
              </a:ext>
            </a:extLst>
          </p:cNvPr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6" name="ISPRING_QUIZ_SHAPE2">
            <a:extLst>
              <a:ext uri="{FF2B5EF4-FFF2-40B4-BE49-F238E27FC236}">
                <a16:creationId xmlns:a16="http://schemas.microsoft.com/office/drawing/2014/main" id="{45C7CD23-F610-4288-9BE7-B282B58BF5C1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ru-RU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Тест</a:t>
            </a:r>
          </a:p>
        </p:txBody>
      </p:sp>
      <p:pic>
        <p:nvPicPr>
          <p:cNvPr id="18" name="ISPRING_QUIZ_SHAPE3">
            <a:extLst>
              <a:ext uri="{FF2B5EF4-FFF2-40B4-BE49-F238E27FC236}">
                <a16:creationId xmlns:a16="http://schemas.microsoft.com/office/drawing/2014/main" id="{1F01CA09-6917-4BCF-A57D-8FADF652950E}"/>
              </a:ext>
            </a:extLst>
          </p:cNvPr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95923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9" name="ISPRING_QUIZ_SHAPE4">
            <a:extLst>
              <a:ext uri="{FF2B5EF4-FFF2-40B4-BE49-F238E27FC236}">
                <a16:creationId xmlns:a16="http://schemas.microsoft.com/office/drawing/2014/main" id="{9EE9D0DA-B84F-41D2-A4DC-6679157A935A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ru-RU" sz="22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Закрепление материала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02524979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ISPRING_QUIZ_SHAPE0">
            <a:extLst>
              <a:ext uri="{FF2B5EF4-FFF2-40B4-BE49-F238E27FC236}">
                <a16:creationId xmlns:a16="http://schemas.microsoft.com/office/drawing/2014/main" id="{755E6B98-8452-4ECA-84E0-5BBDAA5E2C67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20" name="ISPRING_QUIZ_SHAPE1">
            <a:extLst>
              <a:ext uri="{FF2B5EF4-FFF2-40B4-BE49-F238E27FC236}">
                <a16:creationId xmlns:a16="http://schemas.microsoft.com/office/drawing/2014/main" id="{DA564CBA-F27D-4FF4-A060-1650F14F07D6}"/>
              </a:ext>
            </a:extLst>
          </p:cNvPr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21" name="ISPRING_QUIZ_SHAPE2">
            <a:extLst>
              <a:ext uri="{FF2B5EF4-FFF2-40B4-BE49-F238E27FC236}">
                <a16:creationId xmlns:a16="http://schemas.microsoft.com/office/drawing/2014/main" id="{F3F9A79A-23EB-41EA-A85D-C0C03F251226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ru-RU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Тест</a:t>
            </a:r>
          </a:p>
        </p:txBody>
      </p:sp>
      <p:pic>
        <p:nvPicPr>
          <p:cNvPr id="23" name="ISPRING_QUIZ_SHAPE3">
            <a:extLst>
              <a:ext uri="{FF2B5EF4-FFF2-40B4-BE49-F238E27FC236}">
                <a16:creationId xmlns:a16="http://schemas.microsoft.com/office/drawing/2014/main" id="{3ED40ACF-331D-42A0-B477-C66F076ED1ED}"/>
              </a:ext>
            </a:extLst>
          </p:cNvPr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95923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24" name="ISPRING_QUIZ_SHAPE4">
            <a:extLst>
              <a:ext uri="{FF2B5EF4-FFF2-40B4-BE49-F238E27FC236}">
                <a16:creationId xmlns:a16="http://schemas.microsoft.com/office/drawing/2014/main" id="{9C4AD706-C179-436E-AE21-46B13464007E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ru-RU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Щелкните кнопку </a:t>
            </a:r>
            <a:r>
              <a:rPr lang="ru-RU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Тест</a:t>
            </a:r>
            <a:r>
              <a:rPr lang="ru-RU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для редактирования этого теста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85342109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ISPRING_INTERACTION_SHAPE0">
            <a:extLst>
              <a:ext uri="{FF2B5EF4-FFF2-40B4-BE49-F238E27FC236}">
                <a16:creationId xmlns:a16="http://schemas.microsoft.com/office/drawing/2014/main" id="{A5C2283F-FAA0-4F02-906E-848C72C37176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6" name="ISPRING_INTERACTION_SHAPE1">
            <a:extLst>
              <a:ext uri="{FF2B5EF4-FFF2-40B4-BE49-F238E27FC236}">
                <a16:creationId xmlns:a16="http://schemas.microsoft.com/office/drawing/2014/main" id="{40CCC37F-73E5-4269-8667-C42F440A9724}"/>
              </a:ext>
            </a:extLst>
          </p:cNvPr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643021" y="533944"/>
            <a:ext cx="10905957" cy="5790112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1354659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>
            <a:extLst>
              <a:ext uri="{FF2B5EF4-FFF2-40B4-BE49-F238E27FC236}">
                <a16:creationId xmlns:a16="http://schemas.microsoft.com/office/drawing/2014/main" id="{71995887-8EC1-4930-8F95-DEEBBB4AD4A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2766218"/>
            <a:ext cx="10515600" cy="1325563"/>
          </a:xfrm>
        </p:spPr>
        <p:txBody>
          <a:bodyPr/>
          <a:lstStyle/>
          <a:p>
            <a:pPr algn="ctr"/>
            <a:r>
              <a:rPr lang="ru-RU" dirty="0"/>
              <a:t>Курс пройден</a:t>
            </a:r>
          </a:p>
        </p:txBody>
      </p:sp>
    </p:spTree>
    <p:extLst>
      <p:ext uri="{BB962C8B-B14F-4D97-AF65-F5344CB8AC3E}">
        <p14:creationId xmlns:p14="http://schemas.microsoft.com/office/powerpoint/2010/main" val="4022060790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UUID" val="{0E227CBA-A558-45FB-991A-1E50FAB12C0B}"/>
  <p:tag name="ISPRING_RESOURCE_FOLDER" val="C:\Users\konoh\Desktop\4 курс\ОЭОС\Пляскина У. С. ИВТ4(1) SCORM-пакет со слайдами\"/>
  <p:tag name="ISPRING_PRESENTATION_PATH" val="C:\Users\konoh\Desktop\4 курс\ОЭОС\Пляскина У. С. ИВТ4(1) SCORM-пакет со слайдами.pptx"/>
  <p:tag name="ISPRING_SCREEN_RECS_UPDATED" val="C:\Users\konoh\Desktop\4 курс\ОЭОС\Пляскина У. С. ИВТ4(1) SCORM-пакет со слайдами\"/>
  <p:tag name="ISPRING_PRESENTATION_TITLE" val="Пляскина У. С. ИВТ4(1) SCORM-пакет со слайдами"/>
  <p:tag name="ISPRING_FIRST_PUBLISH" val="1"/>
  <p:tag name="ISPRING_ULTRA_SCORM_COURSE_ID" val="A03EB00A-772A-4D00-83B9-2BABE11CE704"/>
  <p:tag name="ISPRING_CMI5_LAUNCH_METHOD" val="any window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SCORM_RATE_SLIDES" val="0"/>
  <p:tag name="ISPRING_SCORM_PASSING_SCORE" val="83.000000"/>
  <p:tag name="ISPRING_CURRENT_PLAYER_ID" val="universal"/>
  <p:tag name="ISPRING_LMS_API_VERSION" val="SCORM 1.2"/>
  <p:tag name="ISPRING_OUTPUT_FOLDER" val="[[&quot;\uFFFD\/gz{89F674DA-D98E-4914-87AC-8E3AF2DB9010}&quot;,&quot;C:\\Users\\konoh\\Desktop\\4 курс\\ОЭОС\\СДО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,&quot;studioSettings&quot;:{&quot;onlineDestinationFolderId&quot;:&quot;0&quot;}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Steps"/>
  <p:tag name="ISPRING_INTERACTION_FULL_PATH" val="C:\Users\konoh\Desktop\4 курс\ОЭОС\Пляскина У. С. ИВТ4(1) SCORM-пакет со слайдами\interactions\intr1.visuals"/>
  <p:tag name="ISPRING_INTERACTION_RELATIVE_PATH" val="Пляскина У. С. ИВТ4(1) SCORM-пакет со слайдами\interactions\intr1.visuals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konoh\Desktop\4 курс\ОЭОС\Пляскина У. С. ИВТ4(1) SCORM-пакет со слайдами\quiz\quiz1.quiz"/>
  <p:tag name="ISPRING_QUIZ_RELATIVE_PATH" val="Пляскина У. С. ИВТ4(1) SCORM-пакет со слайдами\quiz\quiz1.quiz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ISPRING_QUIZ_FULL_PATH" val="C:\Users\konoh\Desktop\4 курс\ОЭОС\Пляскина У. С. ИВТ4(1) SCORM-пакет со слайдами\quiz\quiz2.quiz"/>
  <p:tag name="ISPRING_QUIZ_RELATIVE_PATH" val="Пляскина У. С. ИВТ4(1) SCORM-пакет со слайдами\quiz\quiz2.quiz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3.quiz"/>
  <p:tag name="ISPRING_QUIZ_FULL_PATH" val="C:\Users\konoh\Desktop\4 курс\ОЭОС\Пляскина У. С. ИВТ4(1) SCORM-пакет со слайдами\quiz\quiz3.quiz"/>
  <p:tag name="ISPRING_QUIZ_RELATIVE_PATH" val="Пляскина У. С. ИВТ4(1) SCORM-пакет со слайдами\quiz\quiz3.quiz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FAQ"/>
  <p:tag name="ISPRING_INTERACTION_FULL_PATH" val="C:\Users\konoh\Desktop\4 курс\ОЭОС\Пляскина У. С. ИВТ4(1) SCORM-пакет со слайдами\interactions\intr2.visuals"/>
  <p:tag name="ISPRING_INTERACTION_RELATIVE_PATH" val="Пляскина У. С. ИВТ4(1) SCORM-пакет со слайдами\interactions\intr2.visuals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50</TotalTime>
  <Words>150</Words>
  <Application>Microsoft Office PowerPoint</Application>
  <PresentationFormat>Широкоэкранный</PresentationFormat>
  <Paragraphs>28</Paragraphs>
  <Slides>9</Slides>
  <Notes>9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5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9</vt:i4>
      </vt:variant>
    </vt:vector>
  </HeadingPairs>
  <TitlesOfParts>
    <vt:vector size="15" baseType="lpstr">
      <vt:lpstr>Arial</vt:lpstr>
      <vt:lpstr>Calibri</vt:lpstr>
      <vt:lpstr>Calibri Light</vt:lpstr>
      <vt:lpstr>Segoe UI</vt:lpstr>
      <vt:lpstr>Segoe UI Semibold</vt:lpstr>
      <vt:lpstr>Тема Office</vt:lpstr>
      <vt:lpstr>Разработка чат-бота для справочного сайта по онлайн-играм</vt:lpstr>
      <vt:lpstr>Выбор платформы</vt:lpstr>
      <vt:lpstr>Презентация PowerPoint</vt:lpstr>
      <vt:lpstr>Презентация PowerPoint</vt:lpstr>
      <vt:lpstr>Первоначальная настройка бота</vt:lpstr>
      <vt:lpstr>Презентация PowerPoint</vt:lpstr>
      <vt:lpstr>Презентация PowerPoint</vt:lpstr>
      <vt:lpstr>Презентация PowerPoint</vt:lpstr>
      <vt:lpstr>Курс пройден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Пляскина У. С. ИВТ4(1) SCORM-пакет со слайдами</dc:title>
  <dc:creator>Akwatore</dc:creator>
  <cp:lastModifiedBy>Ульяна Пляскина</cp:lastModifiedBy>
  <cp:revision>35</cp:revision>
  <dcterms:created xsi:type="dcterms:W3CDTF">2020-12-07T09:29:57Z</dcterms:created>
  <dcterms:modified xsi:type="dcterms:W3CDTF">2020-12-07T12:15:29Z</dcterms:modified>
</cp:coreProperties>
</file>